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725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8. Set kontrapulzačný\2. Príprava\PTK\"/>
    </mc:Choice>
  </mc:AlternateContent>
  <xr:revisionPtr revIDLastSave="0" documentId="13_ncr:1_{EBA204BF-9F56-4C85-884F-8364930731B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ácia ceny " sheetId="17" r:id="rId1"/>
  </sheets>
  <definedNames>
    <definedName name="_xlnm.Print_Area" localSheetId="0">'Kalkulácia ceny '!$A$1:$M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>Set kontrapulzačný</t>
  </si>
  <si>
    <t xml:space="preserve">Sortiment položky č. 1 - Set kontrapulzačný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Set kontrapulzačný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4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5" fillId="0" borderId="48" xfId="1" applyFont="1" applyBorder="1" applyAlignment="1">
      <alignment horizontal="left" vertical="center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S15" sqref="S14:S15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12" t="s">
        <v>47</v>
      </c>
      <c r="B1" s="112"/>
      <c r="C1" s="112"/>
      <c r="D1" s="112"/>
      <c r="E1" s="112"/>
      <c r="F1" s="112"/>
      <c r="G1" s="112"/>
      <c r="H1" s="112"/>
      <c r="I1" s="112"/>
      <c r="J1" s="112"/>
      <c r="K1" s="112"/>
      <c r="L1" s="112"/>
      <c r="M1" s="112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5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11.25" customHeight="1" x14ac:dyDescent="0.2">
      <c r="A3" s="113"/>
      <c r="B3" s="113"/>
      <c r="C3" s="113"/>
      <c r="D3" s="113"/>
      <c r="E3" s="113"/>
      <c r="F3" s="113"/>
      <c r="G3" s="113"/>
      <c r="H3" s="113"/>
      <c r="I3" s="113"/>
      <c r="J3" s="113"/>
      <c r="K3" s="113"/>
      <c r="L3" s="113"/>
    </row>
    <row r="4" spans="1:22" ht="8.25" customHeight="1" thickBot="1" x14ac:dyDescent="0.25">
      <c r="A4" s="73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</row>
    <row r="5" spans="1:22" s="74" customFormat="1" ht="40.5" customHeight="1" x14ac:dyDescent="0.25">
      <c r="A5" s="114" t="s">
        <v>23</v>
      </c>
      <c r="B5" s="116" t="s">
        <v>24</v>
      </c>
      <c r="C5" s="118" t="s">
        <v>41</v>
      </c>
      <c r="D5" s="120" t="s">
        <v>50</v>
      </c>
      <c r="E5" s="122" t="s">
        <v>28</v>
      </c>
      <c r="F5" s="122" t="s">
        <v>29</v>
      </c>
      <c r="G5" s="122" t="s">
        <v>30</v>
      </c>
      <c r="H5" s="103" t="s">
        <v>31</v>
      </c>
      <c r="I5" s="124" t="s">
        <v>44</v>
      </c>
      <c r="J5" s="125"/>
      <c r="K5" s="125"/>
      <c r="L5" s="124" t="s">
        <v>45</v>
      </c>
      <c r="M5" s="126"/>
      <c r="O5" s="28"/>
      <c r="P5" s="28"/>
    </row>
    <row r="6" spans="1:22" s="74" customFormat="1" ht="33" customHeight="1" x14ac:dyDescent="0.25">
      <c r="A6" s="115"/>
      <c r="B6" s="117"/>
      <c r="C6" s="119"/>
      <c r="D6" s="121"/>
      <c r="E6" s="123"/>
      <c r="F6" s="123"/>
      <c r="G6" s="123"/>
      <c r="H6" s="102"/>
      <c r="I6" s="49" t="s">
        <v>25</v>
      </c>
      <c r="J6" s="50" t="s">
        <v>32</v>
      </c>
      <c r="K6" s="51" t="s">
        <v>27</v>
      </c>
      <c r="L6" s="52" t="s">
        <v>25</v>
      </c>
      <c r="M6" s="86" t="s">
        <v>27</v>
      </c>
      <c r="O6" s="28"/>
      <c r="P6" s="28"/>
    </row>
    <row r="7" spans="1:22" s="75" customFormat="1" ht="14.1" customHeight="1" x14ac:dyDescent="0.25">
      <c r="A7" s="87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31" t="s">
        <v>17</v>
      </c>
      <c r="I7" s="82" t="s">
        <v>18</v>
      </c>
      <c r="J7" s="85" t="s">
        <v>33</v>
      </c>
      <c r="K7" s="84" t="s">
        <v>34</v>
      </c>
      <c r="L7" s="83" t="s">
        <v>35</v>
      </c>
      <c r="M7" s="88" t="s">
        <v>36</v>
      </c>
      <c r="O7" s="32"/>
      <c r="P7" s="32"/>
    </row>
    <row r="8" spans="1:22" s="75" customFormat="1" ht="44.25" customHeight="1" thickBot="1" x14ac:dyDescent="0.3">
      <c r="A8" s="89" t="s">
        <v>52</v>
      </c>
      <c r="B8" s="101" t="s">
        <v>53</v>
      </c>
      <c r="C8" s="90" t="s">
        <v>43</v>
      </c>
      <c r="D8" s="111">
        <v>156</v>
      </c>
      <c r="E8" s="91"/>
      <c r="F8" s="91"/>
      <c r="G8" s="91"/>
      <c r="H8" s="92"/>
      <c r="I8" s="110"/>
      <c r="J8" s="93"/>
      <c r="K8" s="94">
        <f>I8*1.23</f>
        <v>0</v>
      </c>
      <c r="L8" s="106">
        <f>D8*I8</f>
        <v>0</v>
      </c>
      <c r="M8" s="107">
        <f>L8+(L8*J8)</f>
        <v>0</v>
      </c>
      <c r="O8" s="32"/>
      <c r="P8" s="32"/>
    </row>
    <row r="9" spans="1:22" s="76" customFormat="1" ht="28.5" customHeight="1" thickBot="1" x14ac:dyDescent="0.25">
      <c r="A9" s="33"/>
      <c r="B9" s="95"/>
      <c r="C9" s="34"/>
      <c r="D9" s="96"/>
      <c r="E9" s="35"/>
      <c r="F9" s="35"/>
      <c r="G9" s="35"/>
      <c r="H9" s="35"/>
      <c r="I9" s="34"/>
      <c r="J9" s="34"/>
      <c r="K9" s="68" t="s">
        <v>46</v>
      </c>
      <c r="L9" s="104">
        <f>SUM(L8)</f>
        <v>0</v>
      </c>
      <c r="M9" s="105">
        <f>SUM(M8)</f>
        <v>0</v>
      </c>
      <c r="O9" s="36"/>
      <c r="P9" s="36"/>
    </row>
    <row r="10" spans="1:22" s="76" customFormat="1" ht="28.5" customHeight="1" x14ac:dyDescent="0.2">
      <c r="A10" s="33"/>
      <c r="B10" s="95"/>
      <c r="C10" s="34"/>
      <c r="D10" s="96"/>
      <c r="E10" s="35"/>
      <c r="F10" s="35"/>
      <c r="G10" s="35"/>
      <c r="H10" s="35"/>
      <c r="I10" s="34"/>
      <c r="J10" s="34"/>
      <c r="K10" s="68"/>
      <c r="L10" s="99"/>
      <c r="M10" s="100"/>
      <c r="O10" s="36"/>
      <c r="P10" s="36"/>
    </row>
    <row r="11" spans="1:22" s="76" customFormat="1" ht="33" customHeight="1" x14ac:dyDescent="0.2">
      <c r="A11" s="33"/>
      <c r="B11" s="95"/>
      <c r="C11" s="34"/>
      <c r="D11" s="96"/>
      <c r="E11" s="35"/>
      <c r="F11" s="35"/>
      <c r="G11" s="35"/>
      <c r="H11" s="35"/>
      <c r="I11" s="34"/>
      <c r="J11" s="34"/>
      <c r="K11" s="68"/>
      <c r="L11" s="99"/>
      <c r="M11" s="100"/>
      <c r="O11" s="36"/>
      <c r="P11" s="36"/>
    </row>
    <row r="12" spans="1:22" s="37" customFormat="1" ht="18" customHeight="1" x14ac:dyDescent="0.25">
      <c r="A12" s="127" t="s">
        <v>54</v>
      </c>
      <c r="B12" s="127"/>
      <c r="C12" s="127"/>
      <c r="D12" s="127"/>
      <c r="E12" s="127"/>
      <c r="F12" s="127"/>
      <c r="G12" s="127"/>
      <c r="H12" s="127"/>
      <c r="I12" s="127"/>
      <c r="J12" s="127"/>
      <c r="K12" s="127"/>
    </row>
    <row r="13" spans="1:22" s="28" customFormat="1" ht="33" customHeight="1" x14ac:dyDescent="0.25">
      <c r="A13" s="128" t="s">
        <v>23</v>
      </c>
      <c r="B13" s="128" t="s">
        <v>37</v>
      </c>
      <c r="C13" s="128" t="s">
        <v>38</v>
      </c>
      <c r="D13" s="128" t="s">
        <v>29</v>
      </c>
      <c r="E13" s="128" t="s">
        <v>31</v>
      </c>
      <c r="F13" s="128" t="s">
        <v>39</v>
      </c>
      <c r="G13" s="128" t="s">
        <v>40</v>
      </c>
      <c r="H13" s="130" t="s">
        <v>42</v>
      </c>
      <c r="I13" s="131"/>
      <c r="J13" s="131"/>
      <c r="K13" s="135" t="s">
        <v>51</v>
      </c>
      <c r="L13" s="137"/>
      <c r="M13" s="137"/>
    </row>
    <row r="14" spans="1:22" s="28" customFormat="1" ht="22.5" customHeight="1" x14ac:dyDescent="0.25">
      <c r="A14" s="129"/>
      <c r="B14" s="129"/>
      <c r="C14" s="129"/>
      <c r="D14" s="129"/>
      <c r="E14" s="129"/>
      <c r="F14" s="129"/>
      <c r="G14" s="129"/>
      <c r="H14" s="29" t="s">
        <v>25</v>
      </c>
      <c r="I14" s="30" t="s">
        <v>26</v>
      </c>
      <c r="J14" s="60" t="s">
        <v>27</v>
      </c>
      <c r="K14" s="136"/>
      <c r="L14" s="32"/>
      <c r="M14" s="32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38">
        <v>156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39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108"/>
      <c r="I18" s="97"/>
      <c r="J18" s="109"/>
      <c r="K18" s="140"/>
      <c r="L18" s="62"/>
      <c r="M18" s="62"/>
    </row>
    <row r="19" spans="1:13" s="32" customFormat="1" ht="24.75" customHeight="1" x14ac:dyDescent="0.25">
      <c r="A19" s="134" t="s">
        <v>49</v>
      </c>
      <c r="B19" s="134"/>
      <c r="C19" s="134"/>
      <c r="D19" s="134"/>
      <c r="E19" s="134"/>
      <c r="F19" s="134"/>
      <c r="G19" s="134"/>
      <c r="H19" s="134"/>
      <c r="I19" s="134"/>
      <c r="J19" s="134"/>
      <c r="K19" s="134"/>
      <c r="L19" s="62"/>
      <c r="M19" s="62"/>
    </row>
    <row r="20" spans="1:13" s="32" customFormat="1" ht="33" customHeight="1" x14ac:dyDescent="0.25">
      <c r="A20" s="46"/>
      <c r="B20" s="98"/>
      <c r="C20" s="98"/>
      <c r="D20" s="46"/>
      <c r="E20" s="46"/>
      <c r="F20" s="46"/>
      <c r="G20" s="46"/>
      <c r="H20" s="46"/>
      <c r="I20" s="47"/>
      <c r="J20" s="48"/>
      <c r="K20" s="47"/>
      <c r="L20" s="77"/>
    </row>
    <row r="21" spans="1:13" s="15" customFormat="1" ht="20.100000000000001" customHeight="1" x14ac:dyDescent="0.2">
      <c r="A21" s="15" t="s">
        <v>3</v>
      </c>
      <c r="C21" s="141"/>
      <c r="D21" s="141"/>
      <c r="E21" s="20"/>
      <c r="K21" s="21"/>
      <c r="L21" s="21"/>
    </row>
    <row r="22" spans="1:13" s="15" customFormat="1" ht="20.100000000000001" customHeight="1" x14ac:dyDescent="0.2">
      <c r="A22" s="15" t="s">
        <v>4</v>
      </c>
      <c r="C22" s="132"/>
      <c r="D22" s="132"/>
      <c r="E22" s="17"/>
      <c r="K22" s="18"/>
      <c r="L22" s="19"/>
    </row>
    <row r="23" spans="1:13" s="15" customFormat="1" ht="20.100000000000001" customHeight="1" x14ac:dyDescent="0.2">
      <c r="A23" s="15" t="s">
        <v>5</v>
      </c>
      <c r="C23" s="132"/>
      <c r="D23" s="132"/>
      <c r="E23" s="17"/>
      <c r="K23" s="18"/>
      <c r="L23" s="19"/>
    </row>
    <row r="24" spans="1:13" s="15" customFormat="1" ht="20.100000000000001" customHeight="1" x14ac:dyDescent="0.25">
      <c r="D24" s="16"/>
      <c r="E24" s="17"/>
      <c r="K24" s="18"/>
      <c r="L24" s="19"/>
    </row>
    <row r="25" spans="1:13" s="15" customFormat="1" ht="20.100000000000001" customHeight="1" x14ac:dyDescent="0.2">
      <c r="A25" s="15" t="s">
        <v>6</v>
      </c>
      <c r="C25" s="141"/>
      <c r="D25" s="141"/>
      <c r="E25" s="17"/>
      <c r="K25" s="18"/>
      <c r="L25" s="19"/>
    </row>
    <row r="26" spans="1:13" s="15" customFormat="1" ht="20.100000000000001" customHeight="1" x14ac:dyDescent="0.2">
      <c r="A26" s="15" t="s">
        <v>7</v>
      </c>
      <c r="C26" s="132"/>
      <c r="D26" s="132"/>
      <c r="E26" s="17"/>
      <c r="G26" s="22" t="s">
        <v>19</v>
      </c>
      <c r="H26" s="133"/>
      <c r="I26" s="133"/>
      <c r="K26" s="18"/>
      <c r="L26" s="19"/>
    </row>
    <row r="27" spans="1:13" s="15" customFormat="1" ht="20.100000000000001" customHeight="1" x14ac:dyDescent="0.2">
      <c r="A27" s="15" t="s">
        <v>8</v>
      </c>
      <c r="C27" s="132"/>
      <c r="D27" s="132"/>
      <c r="E27" s="17"/>
      <c r="G27" s="23"/>
      <c r="H27" s="24"/>
      <c r="I27" s="24"/>
    </row>
    <row r="28" spans="1:13" s="15" customFormat="1" ht="20.100000000000001" customHeight="1" x14ac:dyDescent="0.25">
      <c r="A28" s="16"/>
      <c r="B28" s="16"/>
      <c r="C28" s="16"/>
      <c r="D28" s="17"/>
      <c r="E28" s="17"/>
      <c r="G28" s="25" t="s">
        <v>20</v>
      </c>
      <c r="H28" s="142"/>
      <c r="I28" s="142"/>
    </row>
    <row r="29" spans="1:13" s="15" customFormat="1" ht="20.100000000000001" customHeight="1" x14ac:dyDescent="0.25">
      <c r="A29" s="16"/>
      <c r="B29" s="16"/>
      <c r="C29" s="16"/>
      <c r="D29" s="17"/>
      <c r="E29" s="17"/>
      <c r="G29" s="25" t="s">
        <v>21</v>
      </c>
      <c r="H29" s="143"/>
      <c r="I29" s="143"/>
    </row>
    <row r="30" spans="1:13" s="11" customFormat="1" ht="20.100000000000001" customHeight="1" x14ac:dyDescent="0.2">
      <c r="A30" s="8" t="s">
        <v>2</v>
      </c>
      <c r="B30" s="132"/>
      <c r="C30" s="132"/>
      <c r="D30" s="9"/>
      <c r="E30" s="9"/>
      <c r="F30" s="12"/>
      <c r="G30" s="26" t="s">
        <v>22</v>
      </c>
      <c r="H30" s="23"/>
      <c r="I30" s="27"/>
      <c r="M30" s="8"/>
    </row>
    <row r="31" spans="1:13" s="11" customFormat="1" ht="20.100000000000001" customHeight="1" x14ac:dyDescent="0.2">
      <c r="A31" s="8" t="s">
        <v>1</v>
      </c>
      <c r="B31" s="144"/>
      <c r="C31" s="144"/>
      <c r="D31" s="9"/>
      <c r="E31" s="9"/>
      <c r="F31" s="12"/>
      <c r="G31" s="12"/>
      <c r="H31" s="12"/>
      <c r="I31" s="12"/>
      <c r="M31" s="8"/>
    </row>
    <row r="32" spans="1:13" s="11" customFormat="1" x14ac:dyDescent="0.2">
      <c r="A32" s="8"/>
      <c r="B32" s="8"/>
      <c r="C32" s="8"/>
      <c r="D32" s="9"/>
      <c r="E32" s="9"/>
      <c r="F32" s="12"/>
      <c r="G32" s="12"/>
      <c r="H32" s="12"/>
      <c r="I32" s="12"/>
      <c r="J32" s="12"/>
      <c r="K32" s="10"/>
      <c r="L32" s="8"/>
      <c r="M32" s="8"/>
    </row>
    <row r="33" spans="1:62" s="11" customFormat="1" ht="15" customHeight="1" x14ac:dyDescent="0.2">
      <c r="A33" s="8"/>
      <c r="B33" s="8"/>
      <c r="D33" s="9"/>
      <c r="E33" s="9"/>
      <c r="F33" s="12"/>
      <c r="G33" s="12"/>
      <c r="H33" s="12"/>
      <c r="I33" s="12"/>
      <c r="J33" s="12"/>
      <c r="K33" s="10"/>
      <c r="L33" s="8"/>
      <c r="M33" s="8"/>
    </row>
    <row r="34" spans="1:62" s="1" customFormat="1" x14ac:dyDescent="0.2">
      <c r="A34" s="145" t="s">
        <v>9</v>
      </c>
      <c r="B34" s="145"/>
      <c r="D34" s="2"/>
      <c r="E34" s="2"/>
      <c r="F34" s="3"/>
      <c r="G34" s="3"/>
      <c r="H34" s="3"/>
      <c r="I34" s="3"/>
      <c r="J34" s="3"/>
      <c r="K34" s="13"/>
    </row>
    <row r="35" spans="1:62" x14ac:dyDescent="0.2">
      <c r="A35" s="78"/>
      <c r="B35" s="64" t="s">
        <v>10</v>
      </c>
    </row>
    <row r="36" spans="1:62" s="5" customFormat="1" ht="6.75" customHeight="1" x14ac:dyDescent="0.2">
      <c r="A36" s="79"/>
      <c r="B36" s="80"/>
      <c r="D36" s="6"/>
      <c r="E36" s="6"/>
      <c r="F36" s="4"/>
      <c r="G36" s="4"/>
      <c r="H36" s="4"/>
      <c r="I36" s="4"/>
      <c r="J36" s="4"/>
      <c r="K36" s="7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H28:I28"/>
    <mergeCell ref="H29:I29"/>
    <mergeCell ref="B30:C30"/>
    <mergeCell ref="B31:C31"/>
    <mergeCell ref="A34:B34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1">
    <cfRule type="containsBlanks" dxfId="3" priority="5">
      <formula>LEN(TRIM(B30))=0</formula>
    </cfRule>
  </conditionalFormatting>
  <conditionalFormatting sqref="C21:D23">
    <cfRule type="containsBlanks" dxfId="2" priority="2">
      <formula>LEN(TRIM(C21))=0</formula>
    </cfRule>
  </conditionalFormatting>
  <conditionalFormatting sqref="C25:D27">
    <cfRule type="containsBlanks" dxfId="1" priority="1">
      <formula>LEN(TRIM(C25))=0</formula>
    </cfRule>
  </conditionalFormatting>
  <conditionalFormatting sqref="H28:I29">
    <cfRule type="containsBlanks" dxfId="0" priority="3">
      <formula>LEN(TRIM(H2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5-03-20T10:21:03Z</cp:lastPrinted>
  <dcterms:created xsi:type="dcterms:W3CDTF">2016-07-20T08:41:08Z</dcterms:created>
  <dcterms:modified xsi:type="dcterms:W3CDTF">2026-03-12T13:37:56Z</dcterms:modified>
</cp:coreProperties>
</file>